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28　廃棄物処理（2）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" uniqueCount="28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２８</t>
  </si>
  <si>
    <t>　　廃棄物処理（２）</t>
  </si>
  <si>
    <t>蛍光管</t>
  </si>
  <si>
    <t>収集運搬及び処分</t>
  </si>
  <si>
    <t>Ｋｇ</t>
  </si>
  <si>
    <t>水銀灯（球）</t>
  </si>
  <si>
    <t>安定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7500</v>
      </c>
      <c r="G9" s="28"/>
      <c r="H9" s="29"/>
    </row>
    <row r="10" spans="1:8" ht="24.95" customHeight="1" x14ac:dyDescent="0.15">
      <c r="A10" s="22">
        <v>2</v>
      </c>
      <c r="B10" s="30" t="s">
        <v>26</v>
      </c>
      <c r="C10" s="31">
        <v>1</v>
      </c>
      <c r="D10" s="32" t="s">
        <v>24</v>
      </c>
      <c r="E10" s="33" t="s">
        <v>25</v>
      </c>
      <c r="F10" s="27">
        <v>250</v>
      </c>
      <c r="G10" s="33"/>
      <c r="H10" s="29"/>
    </row>
    <row r="11" spans="1:8" ht="24.95" customHeight="1" x14ac:dyDescent="0.15">
      <c r="A11" s="22">
        <v>3</v>
      </c>
      <c r="B11" s="30" t="s">
        <v>27</v>
      </c>
      <c r="C11" s="31">
        <v>1</v>
      </c>
      <c r="D11" s="32" t="s">
        <v>24</v>
      </c>
      <c r="E11" s="33" t="s">
        <v>25</v>
      </c>
      <c r="F11" s="27">
        <v>635</v>
      </c>
      <c r="G11" s="33"/>
      <c r="H11" s="29"/>
    </row>
    <row r="12" spans="1:8" ht="24.95" customHeight="1" x14ac:dyDescent="0.15">
      <c r="A12" s="22"/>
      <c r="B12" s="30"/>
      <c r="C12" s="31"/>
      <c r="D12" s="32"/>
      <c r="E12" s="33"/>
      <c r="F12" s="27"/>
      <c r="G12" s="33"/>
      <c r="H12" s="29"/>
    </row>
    <row r="13" spans="1:8" ht="24.95" customHeight="1" x14ac:dyDescent="0.15">
      <c r="A13" s="34"/>
      <c r="B13" s="35"/>
      <c r="C13" s="36"/>
      <c r="D13" s="37"/>
      <c r="E13" s="38"/>
      <c r="F13" s="39"/>
      <c r="G13" s="40"/>
      <c r="H13" s="41"/>
    </row>
    <row r="14" spans="1:8" ht="24.95" customHeight="1" x14ac:dyDescent="0.15">
      <c r="A14" s="22"/>
      <c r="B14" s="42"/>
      <c r="C14" s="43"/>
      <c r="D14" s="44"/>
      <c r="E14" s="28"/>
      <c r="F14" s="45"/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38:48Z</dcterms:created>
  <dcterms:modified xsi:type="dcterms:W3CDTF">2021-02-18T08:06:45Z</dcterms:modified>
</cp:coreProperties>
</file>